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71" r:id="rId2"/>
    <p:sldId id="256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8" d="100"/>
          <a:sy n="108" d="100"/>
        </p:scale>
        <p:origin x="1038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9A2EDE-2C43-442E-B3F9-2A8E0430E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F66A75E-2436-4CF9-A38C-C6207384814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55AEFF9-8582-44BD-AEEB-84110D2E5C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1BAF69-BAD2-41C7-B13C-60E714F536F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BD128D-F5D5-4EE0-B778-090046B336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9299637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16DB9A8-7EF6-4172-A4CD-7CB9C776A2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31A5607-B2BD-4C01-85F3-D943E494EDE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CF2B8A-9C25-48C2-B93F-FAA926B5F5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4B7F22B-FC0E-49AE-BACB-D936FC3886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53C702E-798D-49A0-AEE6-BC45641F6E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2025615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08E7491-DCA9-4A29-84A5-298B60D5EB1E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395C159-8ECC-4943-872D-F54515C3D50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9A9A61-DD9D-4AF9-9F98-161E525BE2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AEFEF4-3297-47BA-A1D4-13CC54D244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74EB03-125E-4738-8652-5B92170323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221742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F3909C-34CA-44C1-96CD-08E3844EBF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BCF059E-E55B-4C95-B119-4BF5058B1A4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E70D16-CFD7-431F-8789-649B8755FD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BBABB61-A680-4C0D-A45D-29F9DA23B9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E299697-342E-4353-AECB-CFF8DF87EF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612425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6F1BB0-B1B8-4349-90F6-4D4F502DB8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1157C84-3719-4C48-9A7C-C347834FF32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8623226-F352-4CDB-961C-E4834D8A44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F2DC519-14D0-4054-A8FE-CCFEC1A612B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4CECCB8-0CD6-4328-A25C-0E45AFE5F0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7198975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20AE01-21B5-4C8C-9B06-3A353F76DA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838645E-C2D2-42F6-B95C-51A0B934993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AD1337-3226-4CA0-A01A-1C67DB3DB34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D52671-F1AC-4A71-A374-3A5FF456BA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7CEE113-5CF8-4D96-A5B1-1BF843E9F7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E6700E-5BAE-407D-886B-19C621C981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716239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771238-7681-42FB-86EB-6FD31621AB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D741750-19FF-4C8B-9369-2BADE274AA4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E01FF21-95D1-428F-A187-01D3DF86909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765326E-786C-40E0-B367-5729904411E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FE29ABE-3115-4A13-9026-7007BCA1406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1379289-17B3-47EE-8046-B4DF2C1FB3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4D3EF16-48C8-4DF9-865E-58E7B1773E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58A9932-6BD9-4650-A736-BEB3A10CAF5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883858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02EC5EC-71AE-41BD-A5AA-A19E7693C1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301F1B-0D63-4AE4-980C-F36702B5A5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83A853E-AA42-4BCF-902D-9D14CCA0F4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8FAA505-DCBC-446C-B684-83D95E140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228006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0304140-7947-4F55-A7F6-A552E13647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535955B-02AD-4E1A-8B73-3F046E44DD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17D2F4D-4D73-487D-837F-EA091568803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5873666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FD07884-EA7F-4FE9-80AC-A6773D8CD8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081152-A9CF-4B4F-88A2-1A214D344D4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CCB63D6-B395-47F8-A7C9-125C2DE96C4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469C7F1-879D-4566-BCDD-121FBDA5DA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99F9233-93A3-4AB1-8539-8569C682CC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830510-0B85-42E2-9A18-D039BB73CB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6624846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052519-93C4-428E-BD50-8EBBED8602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B6DFF42-2C57-4A39-8390-D1210DD2BB3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C6CC6AF-D81C-41B7-A1DF-342CD8F76A8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CF16FF9-EAFE-420C-AEB4-9A4AEDFBD5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8192E31-4647-4B66-B0C2-393098A633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FEDF5D-E55A-4C16-A736-0ED454460D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86787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784F49A-FAF6-4394-9680-3F6B27CB52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FC7B0DE-122E-47C8-997E-E3C453D412A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9DA8A5-9AA8-4869-A35B-465275CA6AE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A1CBB8-19FD-40D8-8B3E-AE0E8CF87F58}" type="datetimeFigureOut">
              <a:rPr lang="en-GB" smtClean="0"/>
              <a:t>04/12/2020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992914B-EF8D-4D93-A907-AE8C4CF740C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AAF98D-27A7-4325-AC20-81ADCB495AD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2266160-48A1-4482-8683-F0FDAE3ED785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472580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CC837A8-FAB8-49DD-8C93-06B45C30661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59B6533F-F12A-4476-8F66-2659F4C469A5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14927" y="28089"/>
            <a:ext cx="457200" cy="2413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600" b="1">
                <a:solidFill>
                  <a:schemeClr val="accent2"/>
                </a:solidFill>
                <a:latin typeface="Arial" panose="020B060402020202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4FDB6792-9278-4F51-8105-FECADC0DE67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22020" y="4406265"/>
            <a:ext cx="7302500" cy="381000"/>
          </a:xfrm>
          <a:prstGeom prst="rect">
            <a:avLst/>
          </a:prstGeom>
          <a:solidFill>
            <a:srgbClr val="54545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5C7C9801-E4F4-4FA7-914D-CD6667FC225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E573C74B-7841-4B75-B934-18B7E186413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67591" y="478726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0F5E48D8-C433-4515-A052-1F60E42C26E3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91971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Arial" panose="020B0604020202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AA5B0A55-B591-4838-B250-EB0CCBC2E60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985520" y="4545648"/>
            <a:ext cx="234038" cy="10223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700">
                <a:solidFill>
                  <a:schemeClr val="lt1"/>
                </a:solidFill>
                <a:latin typeface="Arial" panose="020B060402020202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4DDCFB9F-ED44-41A4-B2DA-3B433C2AFE7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028372" y="4545648"/>
            <a:ext cx="49694" cy="10223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700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99BDD0E-5748-484C-83CD-EB2E55DB46AB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3071224" y="4545648"/>
            <a:ext cx="95282" cy="10223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700" spc="-16">
                <a:solidFill>
                  <a:schemeClr val="lt1"/>
                </a:solidFill>
                <a:latin typeface="Arial" panose="020B0604020202020204" pitchFamily="34" charset="0"/>
              </a:rPr>
              <a:t>1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CB7B48D0-C414-4F8F-9CF1-02CE7A6AA7A5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4114075" y="4545648"/>
            <a:ext cx="99386" cy="10223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700">
                <a:solidFill>
                  <a:schemeClr val="lt1"/>
                </a:solidFill>
                <a:latin typeface="Arial" panose="020B0604020202020204" pitchFamily="34" charset="0"/>
              </a:rPr>
              <a:t>1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14D5D377-28C7-48BA-9D47-F3AE5A02C09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5156927" y="4545648"/>
            <a:ext cx="99386" cy="10223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700">
                <a:solidFill>
                  <a:schemeClr val="lt1"/>
                </a:solidFill>
                <a:latin typeface="Arial" panose="020B0604020202020204" pitchFamily="34" charset="0"/>
              </a:rPr>
              <a:t>2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F9B0D893-41AA-4233-B99A-17424AA30C9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6199779" y="4545648"/>
            <a:ext cx="99386" cy="10223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700">
                <a:solidFill>
                  <a:schemeClr val="lt1"/>
                </a:solidFill>
                <a:latin typeface="Arial" panose="020B0604020202020204" pitchFamily="34" charset="0"/>
              </a:rPr>
              <a:t>2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A3415630-58AE-4122-A126-42032E37005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7242631" y="4545648"/>
            <a:ext cx="99386" cy="10223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700">
                <a:solidFill>
                  <a:schemeClr val="lt1"/>
                </a:solidFill>
                <a:latin typeface="Arial" panose="020B0604020202020204" pitchFamily="34" charset="0"/>
              </a:rPr>
              <a:t>31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8DE04D53-AB0B-45DB-A346-A3EF12E7289A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1964869" y="44697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87FE7213-ADD8-44CF-9009-C040E621B48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007721" y="44697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20701A96-A31E-4F51-8DEB-88876A7DBC0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050573" y="44697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536EF672-479E-4562-B999-3DE89B7E5754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093425" y="44697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6DAD90E0-7EE8-4CF5-A796-3C145B6092E9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136277" y="44697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5FD4112B-6667-45DE-B161-C5CC1B94B9E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179128" y="44697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T_edb71d10d1234d39bfb6f11e38aee3fe_Shape">
            <a:extLst>
              <a:ext uri="{FF2B5EF4-FFF2-40B4-BE49-F238E27FC236}">
                <a16:creationId xmlns:a16="http://schemas.microsoft.com/office/drawing/2014/main" id="{F2A77FBD-1D40-4C04-A783-8F201E91553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130590" y="1843405"/>
            <a:ext cx="1054100" cy="133350"/>
          </a:xfrm>
          <a:prstGeom prst="homePlate">
            <a:avLst/>
          </a:prstGeom>
          <a:solidFill>
            <a:srgbClr val="6974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T_99dcb97e9b6f478baa3303dc30b94a07_Shape">
            <a:extLst>
              <a:ext uri="{FF2B5EF4-FFF2-40B4-BE49-F238E27FC236}">
                <a16:creationId xmlns:a16="http://schemas.microsoft.com/office/drawing/2014/main" id="{3057BE0C-65D4-471A-9B27-62F0D2BE640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339161" y="2014855"/>
            <a:ext cx="2298700" cy="13335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4" name="OTLSHAPE_T_3486ce9c27ce42aaaadd8c35e708922c_Shape">
            <a:extLst>
              <a:ext uri="{FF2B5EF4-FFF2-40B4-BE49-F238E27FC236}">
                <a16:creationId xmlns:a16="http://schemas.microsoft.com/office/drawing/2014/main" id="{DC75A124-72E8-47EB-A64C-6DA8D914C4C2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547731" y="2186305"/>
            <a:ext cx="1460500" cy="13335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2" name="OTLSHAPE_T_cfa793d83b304b80bbf2d7ef04fc1c19_Shape">
            <a:extLst>
              <a:ext uri="{FF2B5EF4-FFF2-40B4-BE49-F238E27FC236}">
                <a16:creationId xmlns:a16="http://schemas.microsoft.com/office/drawing/2014/main" id="{21B0A506-7F47-4FB5-AE7C-A65EEE8C7F3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382013" y="2357755"/>
            <a:ext cx="2298700" cy="13335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0" name="OTLSHAPE_T_aa1b4c6ea4be49c1a2b31bf813ede9f0_Shape">
            <a:extLst>
              <a:ext uri="{FF2B5EF4-FFF2-40B4-BE49-F238E27FC236}">
                <a16:creationId xmlns:a16="http://schemas.microsoft.com/office/drawing/2014/main" id="{CBF53249-6850-4847-8C15-160AF5F7FF9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547731" y="2529205"/>
            <a:ext cx="2717800" cy="133350"/>
          </a:xfrm>
          <a:prstGeom prst="homePlate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8" name="OTLSHAPE_T_1909b907888b4bd6a59bc0d1be235604_Shape">
            <a:extLst>
              <a:ext uri="{FF2B5EF4-FFF2-40B4-BE49-F238E27FC236}">
                <a16:creationId xmlns:a16="http://schemas.microsoft.com/office/drawing/2014/main" id="{0CCE0A57-9BC2-4AC8-A1C7-B38AA98C2B2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050575" y="2700655"/>
            <a:ext cx="2095500" cy="13335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T_f60512e163ee4271ab793206700964c7_Shape">
            <a:extLst>
              <a:ext uri="{FF2B5EF4-FFF2-40B4-BE49-F238E27FC236}">
                <a16:creationId xmlns:a16="http://schemas.microsoft.com/office/drawing/2014/main" id="{104E3CA9-37FE-4857-BB58-94705DA20C2A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259146" y="2872105"/>
            <a:ext cx="1054100" cy="13335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4" name="OTLSHAPE_T_46e30c646be5446391b6755afc2df59e_Shape">
            <a:extLst>
              <a:ext uri="{FF2B5EF4-FFF2-40B4-BE49-F238E27FC236}">
                <a16:creationId xmlns:a16="http://schemas.microsoft.com/office/drawing/2014/main" id="{B69EB696-6306-4CAF-8014-83189C22DDE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467716" y="3043555"/>
            <a:ext cx="1257300" cy="13335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_02a71671bdef4403a66b6da4f835c01e_Shape">
            <a:extLst>
              <a:ext uri="{FF2B5EF4-FFF2-40B4-BE49-F238E27FC236}">
                <a16:creationId xmlns:a16="http://schemas.microsoft.com/office/drawing/2014/main" id="{58712A90-E683-4E05-B56A-8786CF301E5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301997" y="3215005"/>
            <a:ext cx="1879600" cy="13335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0" name="OTLSHAPE_T_7d582951193b4ad5be7a41cdfe3d5495_Shape">
            <a:extLst>
              <a:ext uri="{FF2B5EF4-FFF2-40B4-BE49-F238E27FC236}">
                <a16:creationId xmlns:a16="http://schemas.microsoft.com/office/drawing/2014/main" id="{DF53FAB7-8947-4C98-B88D-D22BFF99017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4467716" y="3386455"/>
            <a:ext cx="1676400" cy="133350"/>
          </a:xfrm>
          <a:prstGeom prst="homePlate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8" name="OTLSHAPE_T_7da3fd72b6ad4712874f562e992f4c72_Shape">
            <a:extLst>
              <a:ext uri="{FF2B5EF4-FFF2-40B4-BE49-F238E27FC236}">
                <a16:creationId xmlns:a16="http://schemas.microsoft.com/office/drawing/2014/main" id="{F2846839-2CB9-4F46-BE7E-DFE3AA1D4DF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5927708" y="3557905"/>
            <a:ext cx="1054100" cy="133350"/>
          </a:xfrm>
          <a:prstGeom prst="homePlate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6" name="OTLSHAPE_T_f7fee1142fa34a0e8d641ab5472aed15_Shape">
            <a:extLst>
              <a:ext uri="{FF2B5EF4-FFF2-40B4-BE49-F238E27FC236}">
                <a16:creationId xmlns:a16="http://schemas.microsoft.com/office/drawing/2014/main" id="{EAA897D9-2C87-406A-BE97-5D1D34CF2E3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761990" y="3729355"/>
            <a:ext cx="1054100" cy="133350"/>
          </a:xfrm>
          <a:prstGeom prst="homePlate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edb71d10d1234d39bfb6f11e38aee3fe_ShapePercentage" hidden="1">
            <a:extLst>
              <a:ext uri="{FF2B5EF4-FFF2-40B4-BE49-F238E27FC236}">
                <a16:creationId xmlns:a16="http://schemas.microsoft.com/office/drawing/2014/main" id="{8D349804-DF2E-445E-B5FC-63AEA705984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130590" y="18434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T_99dcb97e9b6f478baa3303dc30b94a07_ShapePercentage" hidden="1">
            <a:extLst>
              <a:ext uri="{FF2B5EF4-FFF2-40B4-BE49-F238E27FC236}">
                <a16:creationId xmlns:a16="http://schemas.microsoft.com/office/drawing/2014/main" id="{285C0C14-0777-433B-8885-2CA13CD8E9F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339161" y="20148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T_3486ce9c27ce42aaaadd8c35e708922c_ShapePercentage" hidden="1">
            <a:extLst>
              <a:ext uri="{FF2B5EF4-FFF2-40B4-BE49-F238E27FC236}">
                <a16:creationId xmlns:a16="http://schemas.microsoft.com/office/drawing/2014/main" id="{EA657F0E-09ED-458B-B1C7-55E44726964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547731" y="21863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3" name="OTLSHAPE_T_cfa793d83b304b80bbf2d7ef04fc1c19_ShapePercentage" hidden="1">
            <a:extLst>
              <a:ext uri="{FF2B5EF4-FFF2-40B4-BE49-F238E27FC236}">
                <a16:creationId xmlns:a16="http://schemas.microsoft.com/office/drawing/2014/main" id="{D437D799-E77F-4039-A12E-06D2D4DC5D4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382013" y="23577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1" name="OTLSHAPE_T_aa1b4c6ea4be49c1a2b31bf813ede9f0_ShapePercentage" hidden="1">
            <a:extLst>
              <a:ext uri="{FF2B5EF4-FFF2-40B4-BE49-F238E27FC236}">
                <a16:creationId xmlns:a16="http://schemas.microsoft.com/office/drawing/2014/main" id="{0524E79A-D99F-4DD7-9236-DEBE44BAB01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547731" y="25292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9" name="OTLSHAPE_T_1909b907888b4bd6a59bc0d1be235604_ShapePercentage" hidden="1">
            <a:extLst>
              <a:ext uri="{FF2B5EF4-FFF2-40B4-BE49-F238E27FC236}">
                <a16:creationId xmlns:a16="http://schemas.microsoft.com/office/drawing/2014/main" id="{B432D7BA-C5D2-459A-92AB-6B1401546697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050575" y="27006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7" name="OTLSHAPE_T_f60512e163ee4271ab793206700964c7_ShapePercentage" hidden="1">
            <a:extLst>
              <a:ext uri="{FF2B5EF4-FFF2-40B4-BE49-F238E27FC236}">
                <a16:creationId xmlns:a16="http://schemas.microsoft.com/office/drawing/2014/main" id="{4286536A-145B-47B8-AF2F-3E00AEC1CAF1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259146" y="28721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5" name="OTLSHAPE_T_46e30c646be5446391b6755afc2df59e_ShapePercentage" hidden="1">
            <a:extLst>
              <a:ext uri="{FF2B5EF4-FFF2-40B4-BE49-F238E27FC236}">
                <a16:creationId xmlns:a16="http://schemas.microsoft.com/office/drawing/2014/main" id="{4B3BE729-65E1-45AD-AC73-C431CFF3756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4467716" y="30435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_02a71671bdef4403a66b6da4f835c01e_ShapePercentage" hidden="1">
            <a:extLst>
              <a:ext uri="{FF2B5EF4-FFF2-40B4-BE49-F238E27FC236}">
                <a16:creationId xmlns:a16="http://schemas.microsoft.com/office/drawing/2014/main" id="{A378B12D-3EA1-4F80-BF85-2FBCBE1C7E5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301997" y="32150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1" name="OTLSHAPE_T_7d582951193b4ad5be7a41cdfe3d5495_ShapePercentage" hidden="1">
            <a:extLst>
              <a:ext uri="{FF2B5EF4-FFF2-40B4-BE49-F238E27FC236}">
                <a16:creationId xmlns:a16="http://schemas.microsoft.com/office/drawing/2014/main" id="{5F5A62D5-FD3B-4614-AA4E-93F5F38A3C08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467716" y="33864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9" name="OTLSHAPE_T_7da3fd72b6ad4712874f562e992f4c72_ShapePercentage" hidden="1">
            <a:extLst>
              <a:ext uri="{FF2B5EF4-FFF2-40B4-BE49-F238E27FC236}">
                <a16:creationId xmlns:a16="http://schemas.microsoft.com/office/drawing/2014/main" id="{C499A0BA-A122-4B2C-84C8-2F11351BFC3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927708" y="35579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7" name="OTLSHAPE_T_f7fee1142fa34a0e8d641ab5472aed15_ShapePercentage" hidden="1">
            <a:extLst>
              <a:ext uri="{FF2B5EF4-FFF2-40B4-BE49-F238E27FC236}">
                <a16:creationId xmlns:a16="http://schemas.microsoft.com/office/drawing/2014/main" id="{C2EB263D-8655-4B20-9DF6-D7EA88BEA599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761990" y="372935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T_edb71d10d1234d39bfb6f11e38aee3fe_JoinedDate" hidden="1">
            <a:extLst>
              <a:ext uri="{FF2B5EF4-FFF2-40B4-BE49-F238E27FC236}">
                <a16:creationId xmlns:a16="http://schemas.microsoft.com/office/drawing/2014/main" id="{4D24241A-6F4B-425E-8A12-C7EB8675550F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2700" y="-541298"/>
            <a:ext cx="76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30 - Jun 3</a:t>
            </a:r>
          </a:p>
        </p:txBody>
      </p:sp>
      <p:sp>
        <p:nvSpPr>
          <p:cNvPr id="51" name="OTLSHAPE_T_edb71d10d1234d39bfb6f11e38aee3fe_StartDate" hidden="1">
            <a:extLst>
              <a:ext uri="{FF2B5EF4-FFF2-40B4-BE49-F238E27FC236}">
                <a16:creationId xmlns:a16="http://schemas.microsoft.com/office/drawing/2014/main" id="{0A3DE57A-DCF1-49EE-ABF9-B06B8981FE3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2" name="OTLSHAPE_T_edb71d10d1234d39bfb6f11e38aee3fe_EndDate" hidden="1">
            <a:extLst>
              <a:ext uri="{FF2B5EF4-FFF2-40B4-BE49-F238E27FC236}">
                <a16:creationId xmlns:a16="http://schemas.microsoft.com/office/drawing/2014/main" id="{055F91B5-BB59-4D4A-B7B2-B92C35D09E1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53" name="OTLSHAPE_T_edb71d10d1234d39bfb6f11e38aee3fe_Duration">
            <a:extLst>
              <a:ext uri="{FF2B5EF4-FFF2-40B4-BE49-F238E27FC236}">
                <a16:creationId xmlns:a16="http://schemas.microsoft.com/office/drawing/2014/main" id="{76199544-B793-4922-AC61-56F3034AAFE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855297" y="186626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54" name="OTLSHAPE_T_edb71d10d1234d39bfb6f11e38aee3fe_Title">
            <a:extLst>
              <a:ext uri="{FF2B5EF4-FFF2-40B4-BE49-F238E27FC236}">
                <a16:creationId xmlns:a16="http://schemas.microsoft.com/office/drawing/2014/main" id="{0BED0C55-FFE3-4F87-B4C8-B0A01676EC7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224097" y="1866265"/>
            <a:ext cx="800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Create project charter</a:t>
            </a:r>
          </a:p>
        </p:txBody>
      </p:sp>
      <p:sp>
        <p:nvSpPr>
          <p:cNvPr id="55" name="OTLSHAPE_T_edb71d10d1234d39bfb6f11e38aee3fe_TextPercentage" hidden="1">
            <a:extLst>
              <a:ext uri="{FF2B5EF4-FFF2-40B4-BE49-F238E27FC236}">
                <a16:creationId xmlns:a16="http://schemas.microsoft.com/office/drawing/2014/main" id="{511C8E73-A6D9-4A76-A0ED-484E12A5E80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130590" y="184435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58" name="OTLSHAPE_T_99dcb97e9b6f478baa3303dc30b94a07_JoinedDate" hidden="1">
            <a:extLst>
              <a:ext uri="{FF2B5EF4-FFF2-40B4-BE49-F238E27FC236}">
                <a16:creationId xmlns:a16="http://schemas.microsoft.com/office/drawing/2014/main" id="{D340E45E-66CC-41B6-8C5D-66705D5B5A2A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610547"/>
            <a:ext cx="825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May 31 - Jun 10</a:t>
            </a:r>
          </a:p>
        </p:txBody>
      </p:sp>
      <p:sp>
        <p:nvSpPr>
          <p:cNvPr id="59" name="OTLSHAPE_T_99dcb97e9b6f478baa3303dc30b94a07_StartDate" hidden="1">
            <a:extLst>
              <a:ext uri="{FF2B5EF4-FFF2-40B4-BE49-F238E27FC236}">
                <a16:creationId xmlns:a16="http://schemas.microsoft.com/office/drawing/2014/main" id="{45BC5BD7-F7E4-41E7-B36F-3F0EF8B402F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0" name="OTLSHAPE_T_99dcb97e9b6f478baa3303dc30b94a07_EndDate" hidden="1">
            <a:extLst>
              <a:ext uri="{FF2B5EF4-FFF2-40B4-BE49-F238E27FC236}">
                <a16:creationId xmlns:a16="http://schemas.microsoft.com/office/drawing/2014/main" id="{7CD625C5-3AEC-496A-A8D6-3F028B494BE8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1" name="OTLSHAPE_T_99dcb97e9b6f478baa3303dc30b94a07_Duration">
            <a:extLst>
              <a:ext uri="{FF2B5EF4-FFF2-40B4-BE49-F238E27FC236}">
                <a16:creationId xmlns:a16="http://schemas.microsoft.com/office/drawing/2014/main" id="{21116CB0-F520-4FB1-8023-9580754D99B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63867" y="203771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62" name="OTLSHAPE_T_99dcb97e9b6f478baa3303dc30b94a07_Title">
            <a:extLst>
              <a:ext uri="{FF2B5EF4-FFF2-40B4-BE49-F238E27FC236}">
                <a16:creationId xmlns:a16="http://schemas.microsoft.com/office/drawing/2014/main" id="{FF35C0C9-622A-4C20-B9CA-4C790DE1C55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684090" y="2037715"/>
            <a:ext cx="673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Process definition</a:t>
            </a:r>
          </a:p>
        </p:txBody>
      </p:sp>
      <p:sp>
        <p:nvSpPr>
          <p:cNvPr id="63" name="OTLSHAPE_T_99dcb97e9b6f478baa3303dc30b94a07_TextPercentage" hidden="1">
            <a:extLst>
              <a:ext uri="{FF2B5EF4-FFF2-40B4-BE49-F238E27FC236}">
                <a16:creationId xmlns:a16="http://schemas.microsoft.com/office/drawing/2014/main" id="{C40530CC-DCEE-44EA-9081-94F7665709B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339161" y="201580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66" name="OTLSHAPE_T_3486ce9c27ce42aaaadd8c35e708922c_JoinedDate" hidden="1">
            <a:extLst>
              <a:ext uri="{FF2B5EF4-FFF2-40B4-BE49-F238E27FC236}">
                <a16:creationId xmlns:a16="http://schemas.microsoft.com/office/drawing/2014/main" id="{36D39FAE-6514-4844-BE80-0DFE6FAA1606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-472048"/>
            <a:ext cx="673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 - Jun 7</a:t>
            </a:r>
          </a:p>
        </p:txBody>
      </p:sp>
      <p:sp>
        <p:nvSpPr>
          <p:cNvPr id="67" name="OTLSHAPE_T_3486ce9c27ce42aaaadd8c35e708922c_StartDate" hidden="1">
            <a:extLst>
              <a:ext uri="{FF2B5EF4-FFF2-40B4-BE49-F238E27FC236}">
                <a16:creationId xmlns:a16="http://schemas.microsoft.com/office/drawing/2014/main" id="{84F09546-A2A9-4D3A-98A6-304ADB91E97B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8" name="OTLSHAPE_T_3486ce9c27ce42aaaadd8c35e708922c_EndDate" hidden="1">
            <a:extLst>
              <a:ext uri="{FF2B5EF4-FFF2-40B4-BE49-F238E27FC236}">
                <a16:creationId xmlns:a16="http://schemas.microsoft.com/office/drawing/2014/main" id="{35584CDA-38CD-4068-9554-9267E5D04A90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69" name="OTLSHAPE_T_3486ce9c27ce42aaaadd8c35e708922c_Duration">
            <a:extLst>
              <a:ext uri="{FF2B5EF4-FFF2-40B4-BE49-F238E27FC236}">
                <a16:creationId xmlns:a16="http://schemas.microsoft.com/office/drawing/2014/main" id="{59823956-261A-4F78-96B7-BBB65069426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2437" y="220916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70" name="OTLSHAPE_T_3486ce9c27ce42aaaadd8c35e708922c_Title">
            <a:extLst>
              <a:ext uri="{FF2B5EF4-FFF2-40B4-BE49-F238E27FC236}">
                <a16:creationId xmlns:a16="http://schemas.microsoft.com/office/drawing/2014/main" id="{C3379FB9-88D8-4223-9F99-F93ED614F9D6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3058379" y="2209165"/>
            <a:ext cx="6985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Define deliverables</a:t>
            </a:r>
          </a:p>
        </p:txBody>
      </p:sp>
      <p:sp>
        <p:nvSpPr>
          <p:cNvPr id="71" name="OTLSHAPE_T_3486ce9c27ce42aaaadd8c35e708922c_TextPercentage" hidden="1">
            <a:extLst>
              <a:ext uri="{FF2B5EF4-FFF2-40B4-BE49-F238E27FC236}">
                <a16:creationId xmlns:a16="http://schemas.microsoft.com/office/drawing/2014/main" id="{6EDB1C27-5718-480C-8968-5C6C298840E9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547731" y="218725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74" name="OTLSHAPE_T_cfa793d83b304b80bbf2d7ef04fc1c19_JoinedDate" hidden="1">
            <a:extLst>
              <a:ext uri="{FF2B5EF4-FFF2-40B4-BE49-F238E27FC236}">
                <a16:creationId xmlns:a16="http://schemas.microsoft.com/office/drawing/2014/main" id="{C6846029-B66E-4B09-9C81-499CA8A80A7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-541298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5 - Jun 15</a:t>
            </a:r>
          </a:p>
        </p:txBody>
      </p:sp>
      <p:sp>
        <p:nvSpPr>
          <p:cNvPr id="75" name="OTLSHAPE_T_cfa793d83b304b80bbf2d7ef04fc1c19_StartDate" hidden="1">
            <a:extLst>
              <a:ext uri="{FF2B5EF4-FFF2-40B4-BE49-F238E27FC236}">
                <a16:creationId xmlns:a16="http://schemas.microsoft.com/office/drawing/2014/main" id="{1575C63F-A27D-48A8-8788-486C6F8F8E0D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6" name="OTLSHAPE_T_cfa793d83b304b80bbf2d7ef04fc1c19_EndDate" hidden="1">
            <a:extLst>
              <a:ext uri="{FF2B5EF4-FFF2-40B4-BE49-F238E27FC236}">
                <a16:creationId xmlns:a16="http://schemas.microsoft.com/office/drawing/2014/main" id="{E4DF802D-FAC9-4A53-AEF7-B2AB98A5A15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77" name="OTLSHAPE_T_cfa793d83b304b80bbf2d7ef04fc1c19_Duration">
            <a:extLst>
              <a:ext uri="{FF2B5EF4-FFF2-40B4-BE49-F238E27FC236}">
                <a16:creationId xmlns:a16="http://schemas.microsoft.com/office/drawing/2014/main" id="{25B3D2C6-1DB3-42FE-A38A-EDBD344B262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106719" y="238061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78" name="OTLSHAPE_T_cfa793d83b304b80bbf2d7ef04fc1c19_Title">
            <a:extLst>
              <a:ext uri="{FF2B5EF4-FFF2-40B4-BE49-F238E27FC236}">
                <a16:creationId xmlns:a16="http://schemas.microsoft.com/office/drawing/2014/main" id="{7CC65521-297D-430E-BC46-892946750EF7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726942" y="2380615"/>
            <a:ext cx="6477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Monitoring Phase</a:t>
            </a:r>
          </a:p>
        </p:txBody>
      </p:sp>
      <p:sp>
        <p:nvSpPr>
          <p:cNvPr id="79" name="OTLSHAPE_T_cfa793d83b304b80bbf2d7ef04fc1c19_TextPercentage" hidden="1">
            <a:extLst>
              <a:ext uri="{FF2B5EF4-FFF2-40B4-BE49-F238E27FC236}">
                <a16:creationId xmlns:a16="http://schemas.microsoft.com/office/drawing/2014/main" id="{7ADE3E41-B5D9-4881-B613-B791080A97E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382013" y="235870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82" name="OTLSHAPE_T_aa1b4c6ea4be49c1a2b31bf813ede9f0_JoinedDate" hidden="1">
            <a:extLst>
              <a:ext uri="{FF2B5EF4-FFF2-40B4-BE49-F238E27FC236}">
                <a16:creationId xmlns:a16="http://schemas.microsoft.com/office/drawing/2014/main" id="{0114EA54-F0A4-426A-9B3C-C9CAF8871027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-541298"/>
            <a:ext cx="736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 - Jun 13</a:t>
            </a:r>
          </a:p>
        </p:txBody>
      </p:sp>
      <p:sp>
        <p:nvSpPr>
          <p:cNvPr id="83" name="OTLSHAPE_T_aa1b4c6ea4be49c1a2b31bf813ede9f0_StartDate" hidden="1">
            <a:extLst>
              <a:ext uri="{FF2B5EF4-FFF2-40B4-BE49-F238E27FC236}">
                <a16:creationId xmlns:a16="http://schemas.microsoft.com/office/drawing/2014/main" id="{C154C4B6-9B99-4931-85D5-359FBEA21E6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4" name="OTLSHAPE_T_aa1b4c6ea4be49c1a2b31bf813ede9f0_EndDate" hidden="1">
            <a:extLst>
              <a:ext uri="{FF2B5EF4-FFF2-40B4-BE49-F238E27FC236}">
                <a16:creationId xmlns:a16="http://schemas.microsoft.com/office/drawing/2014/main" id="{DA3E2D53-1569-4193-ACE0-CC61AA398E2F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85" name="OTLSHAPE_T_aa1b4c6ea4be49c1a2b31bf813ede9f0_Duration">
            <a:extLst>
              <a:ext uri="{FF2B5EF4-FFF2-40B4-BE49-F238E27FC236}">
                <a16:creationId xmlns:a16="http://schemas.microsoft.com/office/drawing/2014/main" id="{64A90F75-334B-4FD0-A375-2BCC32E34300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2437" y="255206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9 days</a:t>
            </a:r>
          </a:p>
        </p:txBody>
      </p:sp>
      <p:sp>
        <p:nvSpPr>
          <p:cNvPr id="86" name="OTLSHAPE_T_aa1b4c6ea4be49c1a2b31bf813ede9f0_Title">
            <a:extLst>
              <a:ext uri="{FF2B5EF4-FFF2-40B4-BE49-F238E27FC236}">
                <a16:creationId xmlns:a16="http://schemas.microsoft.com/office/drawing/2014/main" id="{BA1E577F-F8E3-4CAC-AF25-D396191A08C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309801" y="2552065"/>
            <a:ext cx="8509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Validate data collection</a:t>
            </a:r>
          </a:p>
        </p:txBody>
      </p:sp>
      <p:sp>
        <p:nvSpPr>
          <p:cNvPr id="87" name="OTLSHAPE_T_aa1b4c6ea4be49c1a2b31bf813ede9f0_TextPercentage" hidden="1">
            <a:extLst>
              <a:ext uri="{FF2B5EF4-FFF2-40B4-BE49-F238E27FC236}">
                <a16:creationId xmlns:a16="http://schemas.microsoft.com/office/drawing/2014/main" id="{33342851-F4DC-4D73-B14B-24A2803A3E9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547731" y="253015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0" name="OTLSHAPE_T_1909b907888b4bd6a59bc0d1be235604_JoinedDate" hidden="1">
            <a:extLst>
              <a:ext uri="{FF2B5EF4-FFF2-40B4-BE49-F238E27FC236}">
                <a16:creationId xmlns:a16="http://schemas.microsoft.com/office/drawing/2014/main" id="{5101E375-9241-4E10-B47A-30CB15AD5FD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3 - Jun 22</a:t>
            </a:r>
          </a:p>
        </p:txBody>
      </p:sp>
      <p:sp>
        <p:nvSpPr>
          <p:cNvPr id="91" name="OTLSHAPE_T_1909b907888b4bd6a59bc0d1be235604_StartDate" hidden="1">
            <a:extLst>
              <a:ext uri="{FF2B5EF4-FFF2-40B4-BE49-F238E27FC236}">
                <a16:creationId xmlns:a16="http://schemas.microsoft.com/office/drawing/2014/main" id="{F427B1BA-373B-4E23-A8F4-374530903A5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2" name="OTLSHAPE_T_1909b907888b4bd6a59bc0d1be235604_EndDate" hidden="1">
            <a:extLst>
              <a:ext uri="{FF2B5EF4-FFF2-40B4-BE49-F238E27FC236}">
                <a16:creationId xmlns:a16="http://schemas.microsoft.com/office/drawing/2014/main" id="{359B6D35-B96D-4AD2-8FA4-22C19B295F6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93" name="OTLSHAPE_T_1909b907888b4bd6a59bc0d1be235604_Duration">
            <a:extLst>
              <a:ext uri="{FF2B5EF4-FFF2-40B4-BE49-F238E27FC236}">
                <a16:creationId xmlns:a16="http://schemas.microsoft.com/office/drawing/2014/main" id="{16CB0B7B-6499-4E3B-B2AE-C22FD62FC225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775282" y="272351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94" name="OTLSHAPE_T_1909b907888b4bd6a59bc0d1be235604_Title">
            <a:extLst>
              <a:ext uri="{FF2B5EF4-FFF2-40B4-BE49-F238E27FC236}">
                <a16:creationId xmlns:a16="http://schemas.microsoft.com/office/drawing/2014/main" id="{75D5F719-6E4A-49DA-BABE-CE5C96CDC16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186934" y="2723515"/>
            <a:ext cx="3175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Analysis</a:t>
            </a:r>
          </a:p>
        </p:txBody>
      </p:sp>
      <p:sp>
        <p:nvSpPr>
          <p:cNvPr id="95" name="OTLSHAPE_T_1909b907888b4bd6a59bc0d1be235604_TextPercentage" hidden="1">
            <a:extLst>
              <a:ext uri="{FF2B5EF4-FFF2-40B4-BE49-F238E27FC236}">
                <a16:creationId xmlns:a16="http://schemas.microsoft.com/office/drawing/2014/main" id="{0F969859-9D9A-45AE-8AE5-FFD7A6F5CEEC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050575" y="270160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98" name="OTLSHAPE_T_f60512e163ee4271ab793206700964c7_JoinedDate" hidden="1">
            <a:extLst>
              <a:ext uri="{FF2B5EF4-FFF2-40B4-BE49-F238E27FC236}">
                <a16:creationId xmlns:a16="http://schemas.microsoft.com/office/drawing/2014/main" id="{B3AE11D8-B6EA-4173-9A42-F1441C11C419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4 - Jun 18</a:t>
            </a:r>
          </a:p>
        </p:txBody>
      </p:sp>
      <p:sp>
        <p:nvSpPr>
          <p:cNvPr id="99" name="OTLSHAPE_T_f60512e163ee4271ab793206700964c7_StartDate" hidden="1">
            <a:extLst>
              <a:ext uri="{FF2B5EF4-FFF2-40B4-BE49-F238E27FC236}">
                <a16:creationId xmlns:a16="http://schemas.microsoft.com/office/drawing/2014/main" id="{B6C3B0F4-A78E-4FAC-BFF7-DBE4D4C6114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0" name="OTLSHAPE_T_f60512e163ee4271ab793206700964c7_EndDate" hidden="1">
            <a:extLst>
              <a:ext uri="{FF2B5EF4-FFF2-40B4-BE49-F238E27FC236}">
                <a16:creationId xmlns:a16="http://schemas.microsoft.com/office/drawing/2014/main" id="{D31DFEC3-A11B-4188-800F-1C41F168E28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1" name="OTLSHAPE_T_f60512e163ee4271ab793206700964c7_Duration">
            <a:extLst>
              <a:ext uri="{FF2B5EF4-FFF2-40B4-BE49-F238E27FC236}">
                <a16:creationId xmlns:a16="http://schemas.microsoft.com/office/drawing/2014/main" id="{CF72F077-5036-4B8D-BEDE-94769384064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983852" y="289496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02" name="OTLSHAPE_T_f60512e163ee4271ab793206700964c7_Title">
            <a:extLst>
              <a:ext uri="{FF2B5EF4-FFF2-40B4-BE49-F238E27FC236}">
                <a16:creationId xmlns:a16="http://schemas.microsoft.com/office/drawing/2014/main" id="{256F14CD-752D-4C70-A195-505C940771F5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352653" y="2894965"/>
            <a:ext cx="6985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Program capability</a:t>
            </a:r>
          </a:p>
        </p:txBody>
      </p:sp>
      <p:sp>
        <p:nvSpPr>
          <p:cNvPr id="103" name="OTLSHAPE_T_f60512e163ee4271ab793206700964c7_TextPercentage" hidden="1">
            <a:extLst>
              <a:ext uri="{FF2B5EF4-FFF2-40B4-BE49-F238E27FC236}">
                <a16:creationId xmlns:a16="http://schemas.microsoft.com/office/drawing/2014/main" id="{14929CBC-F058-4388-8AD2-6DA1325C729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4259146" y="287305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06" name="OTLSHAPE_T_46e30c646be5446391b6755afc2df59e_JoinedDate" hidden="1">
            <a:extLst>
              <a:ext uri="{FF2B5EF4-FFF2-40B4-BE49-F238E27FC236}">
                <a16:creationId xmlns:a16="http://schemas.microsoft.com/office/drawing/2014/main" id="{E4C97BA0-96B6-4A10-9741-4B5D6133B354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5 - Jun 20</a:t>
            </a:r>
          </a:p>
        </p:txBody>
      </p:sp>
      <p:sp>
        <p:nvSpPr>
          <p:cNvPr id="107" name="OTLSHAPE_T_46e30c646be5446391b6755afc2df59e_StartDate" hidden="1">
            <a:extLst>
              <a:ext uri="{FF2B5EF4-FFF2-40B4-BE49-F238E27FC236}">
                <a16:creationId xmlns:a16="http://schemas.microsoft.com/office/drawing/2014/main" id="{EC87EA5B-45D5-4B47-A5D5-B21B9C4E173C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8" name="OTLSHAPE_T_46e30c646be5446391b6755afc2df59e_EndDate" hidden="1">
            <a:extLst>
              <a:ext uri="{FF2B5EF4-FFF2-40B4-BE49-F238E27FC236}">
                <a16:creationId xmlns:a16="http://schemas.microsoft.com/office/drawing/2014/main" id="{C630403C-DF01-4F6C-8C9F-958BFB41611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09" name="OTLSHAPE_T_46e30c646be5446391b6755afc2df59e_Duration">
            <a:extLst>
              <a:ext uri="{FF2B5EF4-FFF2-40B4-BE49-F238E27FC236}">
                <a16:creationId xmlns:a16="http://schemas.microsoft.com/office/drawing/2014/main" id="{34310470-2F65-4754-96E8-A1A2D5115AD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192422" y="306641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10" name="OTLSHAPE_T_46e30c646be5446391b6755afc2df59e_Title">
            <a:extLst>
              <a:ext uri="{FF2B5EF4-FFF2-40B4-BE49-F238E27FC236}">
                <a16:creationId xmlns:a16="http://schemas.microsoft.com/office/drawing/2014/main" id="{47AEC1AA-A839-4A01-9964-A793DC60830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769793" y="3066415"/>
            <a:ext cx="7112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Performance levels</a:t>
            </a:r>
          </a:p>
        </p:txBody>
      </p:sp>
      <p:sp>
        <p:nvSpPr>
          <p:cNvPr id="111" name="OTLSHAPE_T_46e30c646be5446391b6755afc2df59e_TextPercentage" hidden="1">
            <a:extLst>
              <a:ext uri="{FF2B5EF4-FFF2-40B4-BE49-F238E27FC236}">
                <a16:creationId xmlns:a16="http://schemas.microsoft.com/office/drawing/2014/main" id="{36A7ADE1-6960-473A-9A25-3A2DDE9C8A7A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467716" y="304450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14" name="OTLSHAPE_T_02a71671bdef4403a66b6da4f835c01e_JoinedDate" hidden="1">
            <a:extLst>
              <a:ext uri="{FF2B5EF4-FFF2-40B4-BE49-F238E27FC236}">
                <a16:creationId xmlns:a16="http://schemas.microsoft.com/office/drawing/2014/main" id="{B1B93607-34E4-49E2-A5B5-7E0D10B61E38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9 - Jun 27</a:t>
            </a:r>
          </a:p>
        </p:txBody>
      </p:sp>
      <p:sp>
        <p:nvSpPr>
          <p:cNvPr id="115" name="OTLSHAPE_T_02a71671bdef4403a66b6da4f835c01e_StartDate" hidden="1">
            <a:extLst>
              <a:ext uri="{FF2B5EF4-FFF2-40B4-BE49-F238E27FC236}">
                <a16:creationId xmlns:a16="http://schemas.microsoft.com/office/drawing/2014/main" id="{C8CDAF1D-3746-4673-A998-555C3AA92E0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6" name="OTLSHAPE_T_02a71671bdef4403a66b6da4f835c01e_EndDate" hidden="1">
            <a:extLst>
              <a:ext uri="{FF2B5EF4-FFF2-40B4-BE49-F238E27FC236}">
                <a16:creationId xmlns:a16="http://schemas.microsoft.com/office/drawing/2014/main" id="{C0E8A39E-C059-4793-B1E9-8B646483C119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17" name="OTLSHAPE_T_02a71671bdef4403a66b6da4f835c01e_Duration">
            <a:extLst>
              <a:ext uri="{FF2B5EF4-FFF2-40B4-BE49-F238E27FC236}">
                <a16:creationId xmlns:a16="http://schemas.microsoft.com/office/drawing/2014/main" id="{25335757-DF9B-43A4-B374-A8E98946E93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5026704" y="323786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18" name="OTLSHAPE_T_02a71671bdef4403a66b6da4f835c01e_Title">
            <a:extLst>
              <a:ext uri="{FF2B5EF4-FFF2-40B4-BE49-F238E27FC236}">
                <a16:creationId xmlns:a16="http://schemas.microsoft.com/office/drawing/2014/main" id="{AF50519C-13BF-4EB8-B5E3-86109F01EA6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229786" y="3237865"/>
            <a:ext cx="8890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Review work breakdown</a:t>
            </a:r>
          </a:p>
        </p:txBody>
      </p:sp>
      <p:sp>
        <p:nvSpPr>
          <p:cNvPr id="119" name="OTLSHAPE_T_02a71671bdef4403a66b6da4f835c01e_TextPercentage" hidden="1">
            <a:extLst>
              <a:ext uri="{FF2B5EF4-FFF2-40B4-BE49-F238E27FC236}">
                <a16:creationId xmlns:a16="http://schemas.microsoft.com/office/drawing/2014/main" id="{293DFA3E-B0FE-4DBC-817E-3DD35D6C6C1F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301997" y="321595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22" name="OTLSHAPE_T_7d582951193b4ad5be7a41cdfe3d5495_JoinedDate" hidden="1">
            <a:extLst>
              <a:ext uri="{FF2B5EF4-FFF2-40B4-BE49-F238E27FC236}">
                <a16:creationId xmlns:a16="http://schemas.microsoft.com/office/drawing/2014/main" id="{A9AF06AC-5A94-454C-8742-0E0D91FE3E7F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15 - Jun 22</a:t>
            </a:r>
          </a:p>
        </p:txBody>
      </p:sp>
      <p:sp>
        <p:nvSpPr>
          <p:cNvPr id="123" name="OTLSHAPE_T_7d582951193b4ad5be7a41cdfe3d5495_StartDate" hidden="1">
            <a:extLst>
              <a:ext uri="{FF2B5EF4-FFF2-40B4-BE49-F238E27FC236}">
                <a16:creationId xmlns:a16="http://schemas.microsoft.com/office/drawing/2014/main" id="{0097C782-C5B4-4660-B96D-15D510AAC4C5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4" name="OTLSHAPE_T_7d582951193b4ad5be7a41cdfe3d5495_EndDate" hidden="1">
            <a:extLst>
              <a:ext uri="{FF2B5EF4-FFF2-40B4-BE49-F238E27FC236}">
                <a16:creationId xmlns:a16="http://schemas.microsoft.com/office/drawing/2014/main" id="{99A6D2CA-932B-49CA-A09C-6571B291968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25" name="OTLSHAPE_T_7d582951193b4ad5be7a41cdfe3d5495_Duration">
            <a:extLst>
              <a:ext uri="{FF2B5EF4-FFF2-40B4-BE49-F238E27FC236}">
                <a16:creationId xmlns:a16="http://schemas.microsoft.com/office/drawing/2014/main" id="{7A6F01BB-D442-41C8-93CC-BDCA24E7999D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192422" y="340931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126" name="OTLSHAPE_T_7d582951193b4ad5be7a41cdfe3d5495_Title">
            <a:extLst>
              <a:ext uri="{FF2B5EF4-FFF2-40B4-BE49-F238E27FC236}">
                <a16:creationId xmlns:a16="http://schemas.microsoft.com/office/drawing/2014/main" id="{0BDB64CC-F1B9-4740-8C56-844FF73BE843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6186934" y="3409315"/>
            <a:ext cx="7112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Adjustments Phase</a:t>
            </a:r>
          </a:p>
        </p:txBody>
      </p:sp>
      <p:sp>
        <p:nvSpPr>
          <p:cNvPr id="127" name="OTLSHAPE_T_7d582951193b4ad5be7a41cdfe3d5495_TextPercentage" hidden="1">
            <a:extLst>
              <a:ext uri="{FF2B5EF4-FFF2-40B4-BE49-F238E27FC236}">
                <a16:creationId xmlns:a16="http://schemas.microsoft.com/office/drawing/2014/main" id="{7DE62277-D9A6-466E-8CF1-05DA4874854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4467716" y="338740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0" name="OTLSHAPE_T_7da3fd72b6ad4712874f562e992f4c72_JoinedDate" hidden="1">
            <a:extLst>
              <a:ext uri="{FF2B5EF4-FFF2-40B4-BE49-F238E27FC236}">
                <a16:creationId xmlns:a16="http://schemas.microsoft.com/office/drawing/2014/main" id="{52171B6A-A8A8-4F2F-9956-BC2A01829EB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22 - Jun 26</a:t>
            </a:r>
          </a:p>
        </p:txBody>
      </p:sp>
      <p:sp>
        <p:nvSpPr>
          <p:cNvPr id="131" name="OTLSHAPE_T_7da3fd72b6ad4712874f562e992f4c72_StartDate" hidden="1">
            <a:extLst>
              <a:ext uri="{FF2B5EF4-FFF2-40B4-BE49-F238E27FC236}">
                <a16:creationId xmlns:a16="http://schemas.microsoft.com/office/drawing/2014/main" id="{2FDCD447-1DD1-498F-9547-CA7585C476BC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2" name="OTLSHAPE_T_7da3fd72b6ad4712874f562e992f4c72_EndDate" hidden="1">
            <a:extLst>
              <a:ext uri="{FF2B5EF4-FFF2-40B4-BE49-F238E27FC236}">
                <a16:creationId xmlns:a16="http://schemas.microsoft.com/office/drawing/2014/main" id="{375B58BD-50CD-4443-9DD6-F83EB9636432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33" name="OTLSHAPE_T_7da3fd72b6ad4712874f562e992f4c72_Duration">
            <a:extLst>
              <a:ext uri="{FF2B5EF4-FFF2-40B4-BE49-F238E27FC236}">
                <a16:creationId xmlns:a16="http://schemas.microsoft.com/office/drawing/2014/main" id="{3382599F-5B57-4FB6-8D00-350766C342F1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652415" y="358076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34" name="OTLSHAPE_T_7da3fd72b6ad4712874f562e992f4c72_Title">
            <a:extLst>
              <a:ext uri="{FF2B5EF4-FFF2-40B4-BE49-F238E27FC236}">
                <a16:creationId xmlns:a16="http://schemas.microsoft.com/office/drawing/2014/main" id="{BAC3A283-419D-437C-B533-37D9635D17D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7021216" y="3580765"/>
            <a:ext cx="5080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 spc="-2">
                <a:solidFill>
                  <a:schemeClr val="dk1"/>
                </a:solidFill>
                <a:latin typeface="Arial" panose="020B0604020202020204" pitchFamily="34" charset="0"/>
              </a:rPr>
              <a:t>Triage causes</a:t>
            </a:r>
          </a:p>
        </p:txBody>
      </p:sp>
      <p:sp>
        <p:nvSpPr>
          <p:cNvPr id="135" name="OTLSHAPE_T_7da3fd72b6ad4712874f562e992f4c72_TextPercentage" hidden="1">
            <a:extLst>
              <a:ext uri="{FF2B5EF4-FFF2-40B4-BE49-F238E27FC236}">
                <a16:creationId xmlns:a16="http://schemas.microsoft.com/office/drawing/2014/main" id="{B8CCDABB-AE12-4EF8-946A-F8369A9F3E2B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27708" y="355885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138" name="OTLSHAPE_T_f7fee1142fa34a0e8d641ab5472aed15_JoinedDate" hidden="1">
            <a:extLst>
              <a:ext uri="{FF2B5EF4-FFF2-40B4-BE49-F238E27FC236}">
                <a16:creationId xmlns:a16="http://schemas.microsoft.com/office/drawing/2014/main" id="{B95EF70D-7C64-495C-AEA5-68D4415D3F5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610547"/>
            <a:ext cx="800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>
                <a:solidFill>
                  <a:schemeClr val="dk2"/>
                </a:solidFill>
                <a:latin typeface="Arial" panose="020B0604020202020204" pitchFamily="34" charset="0"/>
              </a:rPr>
              <a:t>Jun 26 - Jun 30</a:t>
            </a:r>
          </a:p>
        </p:txBody>
      </p:sp>
      <p:sp>
        <p:nvSpPr>
          <p:cNvPr id="139" name="OTLSHAPE_T_f7fee1142fa34a0e8d641ab5472aed15_StartDate" hidden="1">
            <a:extLst>
              <a:ext uri="{FF2B5EF4-FFF2-40B4-BE49-F238E27FC236}">
                <a16:creationId xmlns:a16="http://schemas.microsoft.com/office/drawing/2014/main" id="{0D1ABDCE-A7C0-4E9D-A8C8-E035D739381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0" name="OTLSHAPE_T_f7fee1142fa34a0e8d641ab5472aed15_EndDate" hidden="1">
            <a:extLst>
              <a:ext uri="{FF2B5EF4-FFF2-40B4-BE49-F238E27FC236}">
                <a16:creationId xmlns:a16="http://schemas.microsoft.com/office/drawing/2014/main" id="{7CF4AF4F-6CCE-4966-9C3A-A345E8481AD9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900">
              <a:solidFill>
                <a:schemeClr val="dk2"/>
              </a:solidFill>
              <a:latin typeface="Arial" panose="020B0604020202020204" pitchFamily="34" charset="0"/>
            </a:endParaRPr>
          </a:p>
        </p:txBody>
      </p:sp>
      <p:sp>
        <p:nvSpPr>
          <p:cNvPr id="141" name="OTLSHAPE_T_f7fee1142fa34a0e8d641ab5472aed15_Duration">
            <a:extLst>
              <a:ext uri="{FF2B5EF4-FFF2-40B4-BE49-F238E27FC236}">
                <a16:creationId xmlns:a16="http://schemas.microsoft.com/office/drawing/2014/main" id="{66880B8F-4986-4275-9EFA-C8A84C3C703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486696" y="3752215"/>
            <a:ext cx="2286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600">
                <a:solidFill>
                  <a:srgbClr val="73737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142" name="OTLSHAPE_T_f7fee1142fa34a0e8d641ab5472aed15_Title">
            <a:extLst>
              <a:ext uri="{FF2B5EF4-FFF2-40B4-BE49-F238E27FC236}">
                <a16:creationId xmlns:a16="http://schemas.microsoft.com/office/drawing/2014/main" id="{BD253557-FB71-4EC4-B8BF-33BCBCA4A24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855496" y="3752215"/>
            <a:ext cx="4445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Monitoring  </a:t>
            </a:r>
          </a:p>
        </p:txBody>
      </p:sp>
      <p:sp>
        <p:nvSpPr>
          <p:cNvPr id="143" name="OTLSHAPE_T_f7fee1142fa34a0e8d641ab5472aed15_TextPercentage" hidden="1">
            <a:extLst>
              <a:ext uri="{FF2B5EF4-FFF2-40B4-BE49-F238E27FC236}">
                <a16:creationId xmlns:a16="http://schemas.microsoft.com/office/drawing/2014/main" id="{BBCCADF3-7B90-4B6D-BA60-CE907C9CFCFE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6761990" y="3730308"/>
            <a:ext cx="1778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8">
                <a:solidFill>
                  <a:srgbClr val="EEECE1"/>
                </a:solidFill>
                <a:latin typeface="Arial" panose="020B0604020202020204" pitchFamily="34" charset="0"/>
              </a:rPr>
              <a:t>0%</a:t>
            </a:r>
          </a:p>
        </p:txBody>
      </p:sp>
      <p:sp>
        <p:nvSpPr>
          <p:cNvPr id="23" name="OTLSHAPE_M_4c0629c169b043b6bdb1df04ed12c257_Shape">
            <a:extLst>
              <a:ext uri="{FF2B5EF4-FFF2-40B4-BE49-F238E27FC236}">
                <a16:creationId xmlns:a16="http://schemas.microsoft.com/office/drawing/2014/main" id="{E426B47C-BDEB-4581-91E6-816722EBDF82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3964706" y="4279265"/>
            <a:ext cx="177800" cy="190500"/>
          </a:xfrm>
          <a:prstGeom prst="down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4960d85fce254bd98d336c2310e99970_Shape">
            <a:extLst>
              <a:ext uri="{FF2B5EF4-FFF2-40B4-BE49-F238E27FC236}">
                <a16:creationId xmlns:a16="http://schemas.microsoft.com/office/drawing/2014/main" id="{B7AA1E5C-1A45-4287-BF3B-DC34B5905A4D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5633268" y="4279265"/>
            <a:ext cx="177800" cy="190500"/>
          </a:xfrm>
          <a:prstGeom prst="down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9" name="OTLSHAPE_M_2a42d28fbef34ff497c854897c79e133_Shape">
            <a:extLst>
              <a:ext uri="{FF2B5EF4-FFF2-40B4-BE49-F238E27FC236}">
                <a16:creationId xmlns:a16="http://schemas.microsoft.com/office/drawing/2014/main" id="{7334B48C-3092-4FF1-A070-8256136B1D4A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6884691" y="4279265"/>
            <a:ext cx="177800" cy="190500"/>
          </a:xfrm>
          <a:prstGeom prst="down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2" name="OTLSHAPE_M_4a407986099442349961753ab97f196b_Shape">
            <a:extLst>
              <a:ext uri="{FF2B5EF4-FFF2-40B4-BE49-F238E27FC236}">
                <a16:creationId xmlns:a16="http://schemas.microsoft.com/office/drawing/2014/main" id="{FD47C11E-20AA-4EE3-88A8-624730BADC63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8136113" y="4279265"/>
            <a:ext cx="177800" cy="190500"/>
          </a:xfrm>
          <a:prstGeom prst="down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" name="OTLSHAPE_M_f4b4d16723454c5681b1256f82343087_Shape">
            <a:extLst>
              <a:ext uri="{FF2B5EF4-FFF2-40B4-BE49-F238E27FC236}">
                <a16:creationId xmlns:a16="http://schemas.microsoft.com/office/drawing/2014/main" id="{3CA021E5-F601-437C-B930-4AAC58833A4E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044721" y="4723765"/>
            <a:ext cx="177800" cy="190500"/>
          </a:xfrm>
          <a:prstGeom prst="upArrow">
            <a:avLst/>
          </a:prstGeom>
          <a:solidFill>
            <a:srgbClr val="69747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8" name="OTLSHAPE_M_c3b8ad15914040bf9ea050b831e2fbf0_Shape">
            <a:extLst>
              <a:ext uri="{FF2B5EF4-FFF2-40B4-BE49-F238E27FC236}">
                <a16:creationId xmlns:a16="http://schemas.microsoft.com/office/drawing/2014/main" id="{2B7ECE74-18E6-4F73-9500-B0BD79D58031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2921854" y="4723765"/>
            <a:ext cx="177800" cy="190500"/>
          </a:xfrm>
          <a:prstGeom prst="upArrow">
            <a:avLst/>
          </a:prstGeom>
          <a:solidFill>
            <a:srgbClr val="6BAA7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M_6afe8cdde0834d2cacb7c590ec063f4b_Shape">
            <a:extLst>
              <a:ext uri="{FF2B5EF4-FFF2-40B4-BE49-F238E27FC236}">
                <a16:creationId xmlns:a16="http://schemas.microsoft.com/office/drawing/2014/main" id="{8D0E6CBA-6BF1-49E5-890D-DAED2AFFBE48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4798987" y="4723765"/>
            <a:ext cx="177800" cy="190500"/>
          </a:xfrm>
          <a:prstGeom prst="up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4" name="OTLSHAPE_M_01366dfa8a9047deb84cca0070d8d214_Shape">
            <a:extLst>
              <a:ext uri="{FF2B5EF4-FFF2-40B4-BE49-F238E27FC236}">
                <a16:creationId xmlns:a16="http://schemas.microsoft.com/office/drawing/2014/main" id="{BD053468-F5FD-4435-8E68-39A5E6EF0613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6050409" y="4723765"/>
            <a:ext cx="177800" cy="190500"/>
          </a:xfrm>
          <a:prstGeom prst="upArrow">
            <a:avLst/>
          </a:prstGeom>
          <a:solidFill>
            <a:srgbClr val="84DD6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M_4c666328a91345b1957fc53581732d91_Shape">
            <a:extLst>
              <a:ext uri="{FF2B5EF4-FFF2-40B4-BE49-F238E27FC236}">
                <a16:creationId xmlns:a16="http://schemas.microsoft.com/office/drawing/2014/main" id="{0E6115EB-8CEA-4B8A-8BC5-BF807E62A45F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7301831" y="4723765"/>
            <a:ext cx="177800" cy="190500"/>
          </a:xfrm>
          <a:prstGeom prst="upArrow">
            <a:avLst/>
          </a:prstGeom>
          <a:solidFill>
            <a:srgbClr val="AA6BA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1" name="OTLSHAPE_M_4c0629c169b043b6bdb1df04ed12c257_Title">
            <a:extLst>
              <a:ext uri="{FF2B5EF4-FFF2-40B4-BE49-F238E27FC236}">
                <a16:creationId xmlns:a16="http://schemas.microsoft.com/office/drawing/2014/main" id="{03F15B70-9B39-41BD-9B29-99B54058A841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3878938" y="4065905"/>
            <a:ext cx="3429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Metrics 1</a:t>
            </a:r>
          </a:p>
        </p:txBody>
      </p:sp>
      <p:sp>
        <p:nvSpPr>
          <p:cNvPr id="22" name="OTLSHAPE_M_4c0629c169b043b6bdb1df04ed12c257_Date">
            <a:extLst>
              <a:ext uri="{FF2B5EF4-FFF2-40B4-BE49-F238E27FC236}">
                <a16:creationId xmlns:a16="http://schemas.microsoft.com/office/drawing/2014/main" id="{711A19BB-A7C1-481D-84E2-4A9CFE9E141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3929696" y="4166235"/>
            <a:ext cx="241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n 12</a:t>
            </a:r>
          </a:p>
        </p:txBody>
      </p:sp>
      <p:sp>
        <p:nvSpPr>
          <p:cNvPr id="24" name="OTLSHAPE_M_4960d85fce254bd98d336c2310e99970_Title">
            <a:extLst>
              <a:ext uri="{FF2B5EF4-FFF2-40B4-BE49-F238E27FC236}">
                <a16:creationId xmlns:a16="http://schemas.microsoft.com/office/drawing/2014/main" id="{B34CAB62-1E1B-4148-8A88-FA8F05A0ABA8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547501" y="4065905"/>
            <a:ext cx="3429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Metrics 2</a:t>
            </a:r>
          </a:p>
        </p:txBody>
      </p:sp>
      <p:sp>
        <p:nvSpPr>
          <p:cNvPr id="25" name="OTLSHAPE_M_4960d85fce254bd98d336c2310e99970_Date">
            <a:extLst>
              <a:ext uri="{FF2B5EF4-FFF2-40B4-BE49-F238E27FC236}">
                <a16:creationId xmlns:a16="http://schemas.microsoft.com/office/drawing/2014/main" id="{F42E9E89-EAF8-437A-88C2-E5C86021BE38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5598259" y="4166235"/>
            <a:ext cx="241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n 20</a:t>
            </a:r>
          </a:p>
        </p:txBody>
      </p:sp>
      <p:sp>
        <p:nvSpPr>
          <p:cNvPr id="27" name="OTLSHAPE_M_2a42d28fbef34ff497c854897c79e133_Title">
            <a:extLst>
              <a:ext uri="{FF2B5EF4-FFF2-40B4-BE49-F238E27FC236}">
                <a16:creationId xmlns:a16="http://schemas.microsoft.com/office/drawing/2014/main" id="{BCC49980-1D4B-428D-9E56-CDD33DB7AC9A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604169" y="4065905"/>
            <a:ext cx="7239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Operating snapshot</a:t>
            </a:r>
          </a:p>
        </p:txBody>
      </p:sp>
      <p:sp>
        <p:nvSpPr>
          <p:cNvPr id="28" name="OTLSHAPE_M_2a42d28fbef34ff497c854897c79e133_Date">
            <a:extLst>
              <a:ext uri="{FF2B5EF4-FFF2-40B4-BE49-F238E27FC236}">
                <a16:creationId xmlns:a16="http://schemas.microsoft.com/office/drawing/2014/main" id="{D95BB833-C028-44FC-A404-B00C0F4E5280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6849681" y="4166235"/>
            <a:ext cx="241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n 26</a:t>
            </a:r>
          </a:p>
        </p:txBody>
      </p:sp>
      <p:sp>
        <p:nvSpPr>
          <p:cNvPr id="30" name="OTLSHAPE_M_4a407986099442349961753ab97f196b_Title">
            <a:extLst>
              <a:ext uri="{FF2B5EF4-FFF2-40B4-BE49-F238E27FC236}">
                <a16:creationId xmlns:a16="http://schemas.microsoft.com/office/drawing/2014/main" id="{125F5929-EDFF-4FC7-94C8-59E8FF629AEE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8050345" y="4065905"/>
            <a:ext cx="3429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Metrics 3</a:t>
            </a:r>
          </a:p>
        </p:txBody>
      </p:sp>
      <p:sp>
        <p:nvSpPr>
          <p:cNvPr id="31" name="OTLSHAPE_M_4a407986099442349961753ab97f196b_Date">
            <a:extLst>
              <a:ext uri="{FF2B5EF4-FFF2-40B4-BE49-F238E27FC236}">
                <a16:creationId xmlns:a16="http://schemas.microsoft.com/office/drawing/2014/main" id="{79162045-BDB4-4986-A8A0-E26F13570031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8135012" y="4166235"/>
            <a:ext cx="1651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l 2</a:t>
            </a:r>
          </a:p>
        </p:txBody>
      </p:sp>
      <p:sp>
        <p:nvSpPr>
          <p:cNvPr id="33" name="OTLSHAPE_M_f4b4d16723454c5681b1256f82343087_Title">
            <a:extLst>
              <a:ext uri="{FF2B5EF4-FFF2-40B4-BE49-F238E27FC236}">
                <a16:creationId xmlns:a16="http://schemas.microsoft.com/office/drawing/2014/main" id="{DE2D4E50-F049-416C-AF25-8406B7C13BA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749340" y="5039995"/>
            <a:ext cx="7620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Identify client issues</a:t>
            </a:r>
          </a:p>
        </p:txBody>
      </p:sp>
      <p:sp>
        <p:nvSpPr>
          <p:cNvPr id="34" name="OTLSHAPE_M_f4b4d16723454c5681b1256f82343087_Date">
            <a:extLst>
              <a:ext uri="{FF2B5EF4-FFF2-40B4-BE49-F238E27FC236}">
                <a16:creationId xmlns:a16="http://schemas.microsoft.com/office/drawing/2014/main" id="{D0DC5463-59D2-4420-9072-3A3F79DE68F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999170" y="4939665"/>
            <a:ext cx="2540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May 29</a:t>
            </a:r>
          </a:p>
        </p:txBody>
      </p:sp>
      <p:sp>
        <p:nvSpPr>
          <p:cNvPr id="36" name="OTLSHAPE_M_c3b8ad15914040bf9ea050b831e2fbf0_Title">
            <a:extLst>
              <a:ext uri="{FF2B5EF4-FFF2-40B4-BE49-F238E27FC236}">
                <a16:creationId xmlns:a16="http://schemas.microsoft.com/office/drawing/2014/main" id="{FB77AFF6-2868-4751-8611-FCFA47B54BC4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2562952" y="5039995"/>
            <a:ext cx="8890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Performance thresholds</a:t>
            </a:r>
          </a:p>
        </p:txBody>
      </p:sp>
      <p:sp>
        <p:nvSpPr>
          <p:cNvPr id="37" name="OTLSHAPE_M_c3b8ad15914040bf9ea050b831e2fbf0_Date">
            <a:extLst>
              <a:ext uri="{FF2B5EF4-FFF2-40B4-BE49-F238E27FC236}">
                <a16:creationId xmlns:a16="http://schemas.microsoft.com/office/drawing/2014/main" id="{A29CE821-1C39-42B2-AE14-23F0EA757A18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2908032" y="4939665"/>
            <a:ext cx="1905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n 7</a:t>
            </a:r>
          </a:p>
        </p:txBody>
      </p:sp>
      <p:sp>
        <p:nvSpPr>
          <p:cNvPr id="39" name="OTLSHAPE_M_6afe8cdde0834d2cacb7c590ec063f4b_Title">
            <a:extLst>
              <a:ext uri="{FF2B5EF4-FFF2-40B4-BE49-F238E27FC236}">
                <a16:creationId xmlns:a16="http://schemas.microsoft.com/office/drawing/2014/main" id="{C8355181-272D-44DA-A7EA-90ADFBDDD47A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4569223" y="5039995"/>
            <a:ext cx="622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Statistical review</a:t>
            </a:r>
          </a:p>
        </p:txBody>
      </p:sp>
      <p:sp>
        <p:nvSpPr>
          <p:cNvPr id="40" name="OTLSHAPE_M_6afe8cdde0834d2cacb7c590ec063f4b_Date">
            <a:extLst>
              <a:ext uri="{FF2B5EF4-FFF2-40B4-BE49-F238E27FC236}">
                <a16:creationId xmlns:a16="http://schemas.microsoft.com/office/drawing/2014/main" id="{25EF348C-E8B2-4197-B23A-9D8762961BF2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4763977" y="4939665"/>
            <a:ext cx="241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n 16</a:t>
            </a:r>
          </a:p>
        </p:txBody>
      </p:sp>
      <p:sp>
        <p:nvSpPr>
          <p:cNvPr id="42" name="OTLSHAPE_M_01366dfa8a9047deb84cca0070d8d214_Title">
            <a:extLst>
              <a:ext uri="{FF2B5EF4-FFF2-40B4-BE49-F238E27FC236}">
                <a16:creationId xmlns:a16="http://schemas.microsoft.com/office/drawing/2014/main" id="{C58FCE51-455B-4202-B1FC-5B002D3D2BC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5714875" y="5039995"/>
            <a:ext cx="8382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Adjustments Complete</a:t>
            </a:r>
          </a:p>
        </p:txBody>
      </p:sp>
      <p:sp>
        <p:nvSpPr>
          <p:cNvPr id="43" name="OTLSHAPE_M_01366dfa8a9047deb84cca0070d8d214_Date">
            <a:extLst>
              <a:ext uri="{FF2B5EF4-FFF2-40B4-BE49-F238E27FC236}">
                <a16:creationId xmlns:a16="http://schemas.microsoft.com/office/drawing/2014/main" id="{57D72113-B072-492C-91D7-C808F2B213D8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6015399" y="4939665"/>
            <a:ext cx="241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n 22</a:t>
            </a:r>
          </a:p>
        </p:txBody>
      </p:sp>
      <p:sp>
        <p:nvSpPr>
          <p:cNvPr id="45" name="OTLSHAPE_M_4c666328a91345b1957fc53581732d91_Title">
            <a:extLst>
              <a:ext uri="{FF2B5EF4-FFF2-40B4-BE49-F238E27FC236}">
                <a16:creationId xmlns:a16="http://schemas.microsoft.com/office/drawing/2014/main" id="{E030D6C6-C785-4CAA-BDE9-780BACEF2F4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7099668" y="5039995"/>
            <a:ext cx="5715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600" b="1">
                <a:solidFill>
                  <a:schemeClr val="dk1"/>
                </a:solidFill>
                <a:latin typeface="Arial" panose="020B0604020202020204" pitchFamily="34" charset="0"/>
              </a:rPr>
              <a:t>Implementation</a:t>
            </a:r>
          </a:p>
        </p:txBody>
      </p:sp>
      <p:sp>
        <p:nvSpPr>
          <p:cNvPr id="46" name="OTLSHAPE_M_4c666328a91345b1957fc53581732d91_Date">
            <a:extLst>
              <a:ext uri="{FF2B5EF4-FFF2-40B4-BE49-F238E27FC236}">
                <a16:creationId xmlns:a16="http://schemas.microsoft.com/office/drawing/2014/main" id="{23586BB1-4CBC-4417-8519-7D0155EDA3A4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7266822" y="4939665"/>
            <a:ext cx="241300" cy="876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00">
                <a:solidFill>
                  <a:schemeClr val="dk2"/>
                </a:solidFill>
                <a:latin typeface="Arial" panose="020B0604020202020204" pitchFamily="34" charset="0"/>
              </a:rPr>
              <a:t>Jun 2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472832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ODQsIkciOjg0LCJCIjo4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BcmlhbC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NiwiRm9udE5hbWUiOiJBcmlhbC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XJpYWw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csIkZvbnROYW1lIjoiQXJpYWw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zLCJBYnNvbHV0ZVBvc2l0aW9uIjozNDYuOTU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CwiRm9udE5hbWUiOiJBcmlhbC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ksIkZvbnROYW1lIjoiQXJpYWw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AsIlNoYXBlVGhpY2tuZXNzIjoxLCJEdXJhdGlvbkZvcm1hdCI6MCwiSW5jbHVkZU5vbldvcmtpbmdEYXlzSW5EdXJhdGlvbiI6ZmFsc2UsIlBlcmNlbnRhZ2VDb21wbGV0ZVN0eWxlIjp7IiRpZCI6Ijg1IiwiRm9udFNldHRpbmdzIjp7IiRpZCI6Ijg2IiwiRm9udFNpemUiOjksIkZvbnROYW1lIjoiQXJpYWwiLCJJc0JvbGQiOmZhbHNlLCJJc0l0YWxpYyI6ZmFsc2UsIklzVW5kZXJsaW5lZCI6ZmFsc2UsIlBhcmVudFN0eWxlIjpudWxsfSwiQXV0b1NpemUiOjAsIkZvcmVncm91bmQiOnsiJGlkIjoiODciLCJDb2xvciI6eyIkaWQiOiI4OCIsIkEiOjI1NSwiUiI6MjM4LCJHIjoyMzYsIkIiOjIyNX19LCJNYXhXaWR0aCI6OTY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ksIkZvbnROYW1lIjoiQXJpYWwiLCJJc0JvbGQiOmZhbHNlLCJJc0l0YWxpYyI6ZmFsc2UsIklzVW5kZXJsaW5lZCI6ZmFsc2UsIlBhcmVudFN0eWxlIjpudWxsfSwiQXV0b1NpemUiOjAsIkZvcmVncm91bmQiOnsiJGlkIjoiOTQiLCJDb2xvciI6eyIkaWQiOiI5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wLCJHIjoxMTQsIkIiOjE4OH19LCJJc1Zpc2libGUiOnRydWUsIldpZHRoIjowLjAsIkhlaWdodCI6MTY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wLCJGb250TmFtZSI6IkFyaWFsIiwiSXNCb2xkIjp0cnVlLCJJc0l0YWxpYyI6ZmFsc2UsIklzVW5kZXJsaW5lZCI6ZmFsc2UsIlBhcmVudFN0eWxlIjpudWxsfSwiQXV0b1NpemUiOjAsIkZvcmVncm91bmQiOnsiJGlkIjoiMTE1IiwiQ29sb3IiOnsiJGlkIjoiMTE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IwIn19LCJJc1Zpc2libGUiOnRydWUsIldpZHRoIjowLjAsIkhlaWdodCI6MC4wLCJCb3JkZXJTdHlsZSI6bnVsbCwiUGFyZW50U3R5bGUiOm51bGx9LCJEYXRlRm9ybWF0Ijp7IiRpZCI6IjEy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U4NiIsIlRvcCI6MCwiTGVmdCI6MCwiUmlnaHQiOjAsIkJvdHRvbSI6MH0sIlBhZGRpbmciOnsiJGlkIjoiNTg3IiwiVG9wIjowLCJMZWZ0IjowLCJSaWdodCI6MCwiQm90dG9tIjowfSwiQmFja2dyb3VuZCI6eyIkaWQiOiI1ODgiLCJDb2xvciI6eyIkcmVmIjoiNTUwIn19LCJJc1Zpc2libGUiOnRydWUsIldpZHRoIjowLjAsIkhlaWdodCI6MC4wLCJCb3JkZXJTdHlsZSI6eyIkaWQiOiI1ODkiLCJMaW5lQ29sb3IiOm51bGwsIkxpbmVXZWlnaHQiOjAuMCwiTGluZVR5cGUiOjAsIlBhcmVudFN0eWxlIjpudWxsfSwiUGFyZW50U3R5bGUiOm51bGx9LCJEYXRlRm9ybWF0Ijp7IiRpZCI6IjU5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Njc2IiwiVG9wIjowLCJMZWZ0IjowLCJSaWdodCI6MCwiQm90dG9tIjowfSwiUGFkZGluZyI6eyIkaWQiOiI2NzciLCJUb3AiOjAsIkxlZnQiOjAsIlJpZ2h0IjowLCJCb3R0b20iOjB9LCJCYWNrZ3JvdW5kIjp7IiRpZCI6IjY3OCIsIkNvbG9yIjp7IiRyZWYiOiI2NDAifX0sIklzVmlzaWJsZSI6dHJ1ZSwiV2lkdGgiOjAuMCwiSGVpZ2h0IjowLjAsIkJvcmRlclN0eWxlIjp7IiRpZCI6IjY3OSIsIkxpbmVDb2xvciI6bnVsbCwiTGluZVdlaWdodCI6MC4wLCJMaW5lVHlwZSI6MCwiUGFyZW50U3R5bGUiOm51bGx9LCJQYXJlbnRTdHlsZSI6bnVsbH0sIkRhdGVGb3JtYXQiOnsiJGlkIjoiNjg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aWQiOiI3MjgiLCJUb3AiOjAsIkxlZnQiOjAsIlJpZ2h0IjowLCJCb3R0b20iOjB9LCJQYWRkaW5nIjp7IiRpZCI6IjcyOSIsIlRvcCI6MCwiTGVmdCI6MCwiUmlnaHQiOjAsIkJvdHRvbSI6MH0sIkJhY2tncm91bmQiOnsiJGlkIjoiNzMwIiwiQ29sb3IiOnsiJHJlZiI6IjY5MiJ9fSwiSXNWaXNpYmxlIjp0cnVlLCJXaWR0aCI6MC4wLCJIZWlnaHQiOjAuMCwiQm9yZGVyU3R5bGUiOnsiJGlkIjoiNzMxIiwiTGluZUNvbG9yIjpudWxsLCJMaW5lV2VpZ2h0IjowLjAsIkxpbmVUeXBlIjowLCJQYXJlbnRTdHlsZSI6bnVsbH0sIlBhcmVudFN0eWxlIjpudWxsfSwiRGF0ZUZvcm1hdCI6eyIkaWQiOiI3Mz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EwNDYiLCJUb3AiOjAsIkxlZnQiOjAsIlJpZ2h0IjowLCJCb3R0b20iOjB9LCJQYWRkaW5nIjp7IiRpZCI6IjEwNDciLCJUb3AiOjAsIkxlZnQiOjAsIlJpZ2h0IjowLCJCb3R0b20iOjB9LCJCYWNrZ3JvdW5kIjp7IiRpZCI6IjEwNDgiLCJDb2xvciI6eyIkcmVmIjoiMTAxMCJ9fSwiSXNWaXNpYmxlIjp0cnVlLCJXaWR0aCI6MC4wLCJIZWlnaHQiOjAuMCwiQm9yZGVyU3R5bGUiOnsiJGlkIjoiMTA0OSIsIkxpbmVDb2xvciI6bnVsbCwiTGluZVdlaWdodCI6MC4wLCJMaW5lVHlwZSI6MCwiUGFyZW50U3R5bGUiOm51bGx9LCJQYXJlbnRTdHlsZSI6bnVsbH0sIkRhdGVGb3JtYXQiOnsiJGlkIjoiMTA1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A5NyIsIlVzZVRpbWUiOmZhbHNlLCJXb3JrRGF5U3RhcnQiOiIwMDowMDowMCIsIldvcmtEYXlFbmQiOiIyMzo1OTowMCJ9LCJMYXN0VXNlZFRlbXBsYXRlSWQiOiJhNGUxODhiOS1lYThlLTQ3NjQtYjJiMS1mOTE5OTMwNDA1YTM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trics 1"/>
  <p:tag name="OTLDATE" val="2021-06-12T23:59:00.0000000"/>
  <p:tag name="OTLPOSITIONONTASK" val="None"/>
  <p:tag name="OTLRELATEDTASKID" val="00000000-0000-0000-0000-000000000000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trics 2"/>
  <p:tag name="OTLDATE" val="2021-06-20T23:59:00.0000000"/>
  <p:tag name="OTLPOSITIONONTASK" val="None"/>
  <p:tag name="OTLRELATEDTASKID" val="00000000-0000-0000-0000-000000000000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Operating snapshot"/>
  <p:tag name="OTLDATE" val="2021-06-26T23:59:00.0000000"/>
  <p:tag name="OTLPOSITIONONTASK" val="None"/>
  <p:tag name="OTLRELATEDTASKID" val="00000000-0000-0000-0000-000000000000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trics 3"/>
  <p:tag name="OTLDATE" val="2021-07-02T23:59:00.0000000"/>
  <p:tag name="OTLPOSITIONONTASK" val="None"/>
  <p:tag name="OTLRELATEDTASKID" val="00000000-0000-0000-0000-000000000000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dentify client issues"/>
  <p:tag name="OTLDATE" val="2021-05-29T23:59:00.0000000"/>
  <p:tag name="OTLPOSITIONONTASK" val="None"/>
  <p:tag name="OTLRELATEDTASKID" val="00000000-0000-0000-0000-000000000000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erformance thresholds"/>
  <p:tag name="OTLDATE" val="2021-06-07T23:59:00.0000000"/>
  <p:tag name="OTLPOSITIONONTASK" val="None"/>
  <p:tag name="OTLRELATEDTASKID" val="00000000-0000-0000-0000-000000000000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tistical review"/>
  <p:tag name="OTLDATE" val="2021-06-16T23:59:00.0000000"/>
  <p:tag name="OTLPOSITIONONTASK" val="None"/>
  <p:tag name="OTLRELATEDTASKID" val="00000000-0000-0000-0000-000000000000"/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djustments Complete"/>
  <p:tag name="OTLDATE" val="2021-06-22T23:59:00.0000000"/>
  <p:tag name="OTLPOSITIONONTASK" val="None"/>
  <p:tag name="OTLRELATEDTASKID" val="00000000-0000-0000-0000-000000000000"/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mplementation"/>
  <p:tag name="OTLDATE" val="2021-06-28T23:59:00.0000000"/>
  <p:tag name="OTLPOSITIONONTASK" val="None"/>
  <p:tag name="OTLRELATEDTASKID" val="00000000-0000-0000-0000-000000000000"/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30T00:00:00.0000000Z"/>
  <p:tag name="OTLENDDATE" val="2021-06-03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31T00:00:00.0000000Z"/>
  <p:tag name="OTLENDDATE" val="2021-06-1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07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5T00:00:00.0000000Z"/>
  <p:tag name="OTLENDDATE" val="2021-06-15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01T00:00:00.0000000Z"/>
  <p:tag name="OTLENDDATE" val="2021-06-13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3T00:00:00.0000000Z"/>
  <p:tag name="OTLENDDATE" val="2021-06-22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4T00:00:00.0000000Z"/>
  <p:tag name="OTLENDDATE" val="2021-06-18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5T00:00:00.0000000Z"/>
  <p:tag name="OTLENDDATE" val="2021-06-2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9T00:00:00.0000000Z"/>
  <p:tag name="OTLENDDATE" val="2021-06-27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15T00:00:00.0000000Z"/>
  <p:tag name="OTLENDDATE" val="2021-06-22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2T00:00:00.0000000Z"/>
  <p:tag name="OTLENDDATE" val="2021-06-26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6-26T00:00:00.0000000Z"/>
  <p:tag name="OTLENDDATE" val="2021-06-30T23:59:00.0000000Z"/>
  <p:tag name="OTLPERCENTAGE" val="0"/>
  <p:tag name="OTLDURATIONFORMAT" val="day"/>
  <p:tag name="OTLSPACING" val="3"/>
  <p:tag name="OTLSHAPETHICKNESSTYPE" val="Custom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TYPE" val="Days"/>
  <p:tag name="OTLTIMEBANDSCALEFORMAT" val="d"/>
  <p:tag name="OTLTIMEBANDQUICKPOSITION" val="Custom"/>
  <p:tag name="OTLTIMEBANDSHAPETYPE" val="RectangleTimeband"/>
  <p:tag name="OTLTIMEBANDTHREEDEFFECTS" val="None"/>
  <p:tag name="OTLTIMEBANDAUTODATERANGE" val="True"/>
  <p:tag name="OTLTIMEBANDSTARTDATE" val="0001-01-01T00:00:00.0000000"/>
  <p:tag name="OTLTIMEBANDENDDATE" val="2021-07-02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SHAPEPADDINGTOP" val="5"/>
  <p:tag name="OTLTIMEBANDFYSTARTMONTH" val="January"/>
  <p:tag name="OTLTIMEBANDSHOWFYLABEL" val="True"/>
  <p:tag name="OTLTIMEBANDUSESTARTINGOFTHEYEARFORFYNUMBERING" val="True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9</Words>
  <Application>Microsoft Office PowerPoint</Application>
  <PresentationFormat>On-screen Show (4:3)</PresentationFormat>
  <Paragraphs>7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terms:created xsi:type="dcterms:W3CDTF">2020-12-04T13:21:24Z</dcterms:created>
  <dcterms:modified xsi:type="dcterms:W3CDTF">2020-12-04T13:22:32Z</dcterms:modified>
</cp:coreProperties>
</file>